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５年10月末" sheetId="1" r:id="rId1"/>
  </sheets>
  <definedNames>
    <definedName name="_xlnm.Print_Area" localSheetId="0">令和５年10月末!$A$1:$O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1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皆減</t>
    <rPh sb="0" eb="1">
      <t>ミナ</t>
    </rPh>
    <rPh sb="1" eb="2">
      <t>ゲン</t>
    </rPh>
    <phoneticPr fontId="2"/>
  </si>
  <si>
    <t>令和５年度　県税調定収入状況（令和５年10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1" eb="22">
      <t>ガツ</t>
    </rPh>
    <rPh sb="22" eb="23">
      <t>マツ</t>
    </rPh>
    <rPh sb="23" eb="25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J25" sqref="J25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1"/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2" spans="1:16" s="3" customFormat="1" ht="24" customHeight="1" x14ac:dyDescent="0.15">
      <c r="A2" s="32" t="s">
        <v>30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3" t="s">
        <v>1</v>
      </c>
      <c r="B4" s="34"/>
      <c r="C4" s="34"/>
      <c r="D4" s="34"/>
      <c r="E4" s="34"/>
      <c r="F4" s="34"/>
      <c r="G4" s="35"/>
      <c r="H4" s="39" t="s">
        <v>2</v>
      </c>
      <c r="I4" s="40"/>
      <c r="J4" s="40"/>
      <c r="K4" s="41"/>
      <c r="L4" s="39" t="s">
        <v>3</v>
      </c>
      <c r="M4" s="40"/>
      <c r="N4" s="40"/>
      <c r="O4" s="41"/>
    </row>
    <row r="5" spans="1:16" ht="21.75" customHeight="1" x14ac:dyDescent="0.15">
      <c r="A5" s="36"/>
      <c r="B5" s="37"/>
      <c r="C5" s="37"/>
      <c r="D5" s="37"/>
      <c r="E5" s="37"/>
      <c r="F5" s="37"/>
      <c r="G5" s="38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2" t="s">
        <v>8</v>
      </c>
      <c r="C6" s="42"/>
      <c r="D6" s="42"/>
      <c r="E6" s="42"/>
      <c r="F6" s="42"/>
      <c r="G6" s="10"/>
      <c r="H6" s="11">
        <v>328281</v>
      </c>
      <c r="I6" s="11">
        <v>7447</v>
      </c>
      <c r="J6" s="11">
        <v>335729</v>
      </c>
      <c r="K6" s="12">
        <v>102</v>
      </c>
      <c r="L6" s="11">
        <v>157440</v>
      </c>
      <c r="M6" s="11">
        <v>1840</v>
      </c>
      <c r="N6" s="11">
        <v>159281</v>
      </c>
      <c r="O6" s="12">
        <v>101.3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22269</v>
      </c>
      <c r="I7" s="11">
        <v>7447</v>
      </c>
      <c r="J7" s="11">
        <v>329717</v>
      </c>
      <c r="K7" s="12">
        <v>101.9</v>
      </c>
      <c r="L7" s="11">
        <v>151428</v>
      </c>
      <c r="M7" s="11">
        <v>1840</v>
      </c>
      <c r="N7" s="11">
        <v>153269</v>
      </c>
      <c r="O7" s="12">
        <v>101.1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5671</v>
      </c>
      <c r="I8" s="11"/>
      <c r="J8" s="11">
        <v>5671</v>
      </c>
      <c r="K8" s="12">
        <v>106.2</v>
      </c>
      <c r="L8" s="11">
        <v>5671</v>
      </c>
      <c r="M8" s="11"/>
      <c r="N8" s="11">
        <v>5671</v>
      </c>
      <c r="O8" s="12">
        <v>106.2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340</v>
      </c>
      <c r="I9" s="11"/>
      <c r="J9" s="11">
        <v>340</v>
      </c>
      <c r="K9" s="12">
        <v>132.9</v>
      </c>
      <c r="L9" s="11">
        <v>340</v>
      </c>
      <c r="M9" s="11"/>
      <c r="N9" s="11">
        <v>340</v>
      </c>
      <c r="O9" s="12">
        <v>132.9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15879</v>
      </c>
      <c r="I10" s="11">
        <v>163</v>
      </c>
      <c r="J10" s="11">
        <v>16043</v>
      </c>
      <c r="K10" s="12">
        <v>101.2</v>
      </c>
      <c r="L10" s="11">
        <v>15308</v>
      </c>
      <c r="M10" s="11">
        <v>39</v>
      </c>
      <c r="N10" s="11">
        <v>15347</v>
      </c>
      <c r="O10" s="12">
        <v>100.6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584</v>
      </c>
      <c r="I11" s="11"/>
      <c r="J11" s="11">
        <v>584</v>
      </c>
      <c r="K11" s="12">
        <v>89.2</v>
      </c>
      <c r="L11" s="11">
        <v>585</v>
      </c>
      <c r="M11" s="11"/>
      <c r="N11" s="11">
        <v>585</v>
      </c>
      <c r="O11" s="12">
        <v>89.4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19918</v>
      </c>
      <c r="I12" s="11">
        <v>492</v>
      </c>
      <c r="J12" s="11">
        <v>20410</v>
      </c>
      <c r="K12" s="12">
        <v>86.6</v>
      </c>
      <c r="L12" s="11">
        <v>12237</v>
      </c>
      <c r="M12" s="11">
        <v>117</v>
      </c>
      <c r="N12" s="11">
        <v>12355</v>
      </c>
      <c r="O12" s="12">
        <v>85.9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184128</v>
      </c>
      <c r="I13" s="11">
        <v>1119</v>
      </c>
      <c r="J13" s="11">
        <v>185248</v>
      </c>
      <c r="K13" s="12">
        <v>103.9</v>
      </c>
      <c r="L13" s="11">
        <v>179186</v>
      </c>
      <c r="M13" s="11">
        <v>226</v>
      </c>
      <c r="N13" s="11">
        <v>179412</v>
      </c>
      <c r="O13" s="12">
        <v>103.3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174094</v>
      </c>
      <c r="I14" s="11"/>
      <c r="J14" s="11">
        <v>174094</v>
      </c>
      <c r="K14" s="12">
        <v>100.2</v>
      </c>
      <c r="L14" s="11">
        <v>174094</v>
      </c>
      <c r="M14" s="11"/>
      <c r="N14" s="11">
        <v>174094</v>
      </c>
      <c r="O14" s="12">
        <v>100.2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19389</v>
      </c>
      <c r="I15" s="11">
        <v>817</v>
      </c>
      <c r="J15" s="11">
        <v>20207</v>
      </c>
      <c r="K15" s="12">
        <v>120.1</v>
      </c>
      <c r="L15" s="11">
        <v>17211</v>
      </c>
      <c r="M15" s="11">
        <v>121</v>
      </c>
      <c r="N15" s="11">
        <v>17332</v>
      </c>
      <c r="O15" s="12">
        <v>120.7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5851</v>
      </c>
      <c r="I16" s="11"/>
      <c r="J16" s="11">
        <v>5851</v>
      </c>
      <c r="K16" s="12">
        <v>100.8</v>
      </c>
      <c r="L16" s="11">
        <v>5851</v>
      </c>
      <c r="M16" s="11"/>
      <c r="N16" s="11">
        <v>5851</v>
      </c>
      <c r="O16" s="12">
        <v>100.8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947</v>
      </c>
      <c r="I17" s="11"/>
      <c r="J17" s="11">
        <v>947</v>
      </c>
      <c r="K17" s="12">
        <v>99.2</v>
      </c>
      <c r="L17" s="11">
        <v>947</v>
      </c>
      <c r="M17" s="11"/>
      <c r="N17" s="11">
        <v>947</v>
      </c>
      <c r="O17" s="12">
        <v>99.2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23248</v>
      </c>
      <c r="I18" s="11">
        <v>1538</v>
      </c>
      <c r="J18" s="11">
        <v>24787</v>
      </c>
      <c r="K18" s="12">
        <v>100.4</v>
      </c>
      <c r="L18" s="11">
        <v>16626</v>
      </c>
      <c r="M18" s="11">
        <v>1538</v>
      </c>
      <c r="N18" s="11">
        <v>18165</v>
      </c>
      <c r="O18" s="12">
        <v>100.2</v>
      </c>
      <c r="P18" s="13"/>
    </row>
    <row r="19" spans="1:16" s="14" customFormat="1" ht="21.75" customHeight="1" x14ac:dyDescent="0.15">
      <c r="A19" s="15"/>
      <c r="B19" s="43" t="s">
        <v>21</v>
      </c>
      <c r="C19" s="43"/>
      <c r="D19" s="18"/>
      <c r="E19" s="19"/>
      <c r="F19" s="20" t="s">
        <v>22</v>
      </c>
      <c r="G19" s="10"/>
      <c r="H19" s="11">
        <v>5232</v>
      </c>
      <c r="I19" s="11">
        <v>0</v>
      </c>
      <c r="J19" s="11">
        <v>5232</v>
      </c>
      <c r="K19" s="21">
        <v>109.8</v>
      </c>
      <c r="L19" s="11">
        <v>5151</v>
      </c>
      <c r="M19" s="11">
        <v>0</v>
      </c>
      <c r="N19" s="11">
        <v>5151</v>
      </c>
      <c r="O19" s="21">
        <v>110.1</v>
      </c>
      <c r="P19" s="13"/>
    </row>
    <row r="20" spans="1:16" s="14" customFormat="1" ht="21.75" customHeight="1" x14ac:dyDescent="0.15">
      <c r="A20" s="17"/>
      <c r="B20" s="44"/>
      <c r="C20" s="44"/>
      <c r="D20" s="22"/>
      <c r="E20" s="23"/>
      <c r="F20" s="24" t="s">
        <v>23</v>
      </c>
      <c r="G20" s="10"/>
      <c r="H20" s="11">
        <v>88740</v>
      </c>
      <c r="I20" s="11">
        <v>437</v>
      </c>
      <c r="J20" s="11">
        <v>89177</v>
      </c>
      <c r="K20" s="12">
        <v>99.2</v>
      </c>
      <c r="L20" s="11">
        <v>87408</v>
      </c>
      <c r="M20" s="11">
        <v>125</v>
      </c>
      <c r="N20" s="11">
        <v>87534</v>
      </c>
      <c r="O20" s="12">
        <v>99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>
        <v>13</v>
      </c>
      <c r="I21" s="11"/>
      <c r="J21" s="11">
        <v>13</v>
      </c>
      <c r="K21" s="29">
        <v>95.7</v>
      </c>
      <c r="L21" s="11">
        <v>13</v>
      </c>
      <c r="M21" s="11"/>
      <c r="N21" s="11">
        <v>13</v>
      </c>
      <c r="O21" s="29">
        <v>96.6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4</v>
      </c>
      <c r="L22" s="26"/>
      <c r="M22" s="26">
        <v>14</v>
      </c>
      <c r="N22" s="26">
        <v>14</v>
      </c>
      <c r="O22" s="25">
        <v>65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/>
      <c r="I23" s="11"/>
      <c r="J23" s="11"/>
      <c r="K23" s="29" t="s">
        <v>29</v>
      </c>
      <c r="L23" s="11"/>
      <c r="M23" s="11"/>
      <c r="N23" s="11"/>
      <c r="O23" s="21"/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866310</v>
      </c>
      <c r="I24" s="11">
        <v>12166</v>
      </c>
      <c r="J24" s="11">
        <v>878476</v>
      </c>
      <c r="K24" s="12">
        <v>101.6</v>
      </c>
      <c r="L24" s="11">
        <v>672061</v>
      </c>
      <c r="M24" s="11">
        <v>4024</v>
      </c>
      <c r="N24" s="11">
        <v>676086</v>
      </c>
      <c r="O24" s="12">
        <v>101.3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５年10月末</vt:lpstr>
      <vt:lpstr>令和５年10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1-14T06:51:25Z</cp:lastPrinted>
  <dcterms:created xsi:type="dcterms:W3CDTF">2021-03-24T00:17:43Z</dcterms:created>
  <dcterms:modified xsi:type="dcterms:W3CDTF">2023-11-14T07:12:23Z</dcterms:modified>
</cp:coreProperties>
</file>